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61" r:id="rId2"/>
    <p:sldId id="262" r:id="rId3"/>
    <p:sldId id="264" r:id="rId4"/>
    <p:sldId id="267" r:id="rId5"/>
    <p:sldId id="268" r:id="rId6"/>
    <p:sldId id="263" r:id="rId7"/>
    <p:sldId id="269" r:id="rId8"/>
    <p:sldId id="272" r:id="rId9"/>
    <p:sldId id="273" r:id="rId10"/>
    <p:sldId id="270" r:id="rId11"/>
    <p:sldId id="265" r:id="rId12"/>
    <p:sldId id="274" r:id="rId13"/>
    <p:sldId id="275" r:id="rId14"/>
    <p:sldId id="276" r:id="rId15"/>
    <p:sldId id="277" r:id="rId16"/>
    <p:sldId id="278" r:id="rId17"/>
    <p:sldId id="266" r:id="rId18"/>
    <p:sldId id="279" r:id="rId19"/>
    <p:sldId id="271" r:id="rId20"/>
    <p:sldId id="260" r:id="rId21"/>
  </p:sldIdLst>
  <p:sldSz cx="12188825" cy="6858000"/>
  <p:notesSz cx="6797675" cy="9926638"/>
  <p:embeddedFontLst>
    <p:embeddedFont>
      <p:font typeface="AU Passata" panose="020B0503030502030804" pitchFamily="34" charset="77"/>
      <p:regular r:id="rId24"/>
      <p:bold r:id="rId25"/>
    </p:embeddedFont>
    <p:embeddedFont>
      <p:font typeface="AU Passata Light" panose="020B0303030902030804" pitchFamily="34" charset="77"/>
      <p:regular r:id="rId26"/>
      <p:bold r:id="rId27"/>
    </p:embeddedFont>
    <p:embeddedFont>
      <p:font typeface="AU Peto" pitchFamily="82" charset="77"/>
      <p:regular r:id="rId28"/>
      <p:bold r:id="rId29"/>
    </p:embeddedFont>
    <p:embeddedFont>
      <p:font typeface="Calibri" panose="020F0502020204030204" pitchFamily="34" charset="0"/>
      <p:regular r:id="rId30"/>
      <p:bold r:id="rId31"/>
      <p:italic r:id="rId32"/>
      <p:boldItalic r:id="rId33"/>
    </p:embeddedFont>
    <p:embeddedFont>
      <p:font typeface="Consolas" panose="020B0609020204030204" pitchFamily="49" charset="0"/>
      <p:regular r:id="rId34"/>
      <p:bold r:id="rId35"/>
      <p:italic r:id="rId36"/>
      <p:boldItalic r:id="rId37"/>
    </p:embeddedFont>
    <p:embeddedFont>
      <p:font typeface="Georgia" panose="02040502050405020303" pitchFamily="18" charset="0"/>
      <p:regular r:id="rId38"/>
      <p:bold r:id="rId39"/>
      <p:italic r:id="rId40"/>
      <p:boldItalic r:id="rId41"/>
    </p:embeddedFont>
    <p:embeddedFont>
      <p:font typeface="Wingdings 3" pitchFamily="2" charset="2"/>
      <p:regular r:id="rId4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DDDDD"/>
    <a:srgbClr val="E8E8E8"/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284" autoAdjust="0"/>
    <p:restoredTop sz="93499" autoAdjust="0"/>
  </p:normalViewPr>
  <p:slideViewPr>
    <p:cSldViewPr snapToObjects="1" showGuides="1">
      <p:cViewPr varScale="1">
        <p:scale>
          <a:sx n="151" d="100"/>
          <a:sy n="151" d="100"/>
        </p:scale>
        <p:origin x="224" y="29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3.fntdata"/><Relationship Id="rId39" Type="http://schemas.openxmlformats.org/officeDocument/2006/relationships/font" Target="fonts/font16.fntdata"/><Relationship Id="rId21" Type="http://schemas.openxmlformats.org/officeDocument/2006/relationships/slide" Target="slides/slide20.xml"/><Relationship Id="rId34" Type="http://schemas.openxmlformats.org/officeDocument/2006/relationships/font" Target="fonts/font11.fntdata"/><Relationship Id="rId42" Type="http://schemas.openxmlformats.org/officeDocument/2006/relationships/font" Target="fonts/font19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6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font" Target="fonts/font14.fntdata"/><Relationship Id="rId40" Type="http://schemas.openxmlformats.org/officeDocument/2006/relationships/font" Target="fonts/font17.fntdata"/><Relationship Id="rId45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8.fntdata"/><Relationship Id="rId44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Relationship Id="rId43" Type="http://schemas.openxmlformats.org/officeDocument/2006/relationships/presProps" Target="presProp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font" Target="fonts/font15.fntdata"/><Relationship Id="rId46" Type="http://schemas.openxmlformats.org/officeDocument/2006/relationships/tableStyles" Target="tableStyles.xml"/><Relationship Id="rId20" Type="http://schemas.openxmlformats.org/officeDocument/2006/relationships/slide" Target="slides/slide19.xml"/><Relationship Id="rId41" Type="http://schemas.openxmlformats.org/officeDocument/2006/relationships/font" Target="fonts/font18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6877298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8239480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2478778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07277728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3ITS3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enrik Bitsch Kirk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6 Octo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hyperlink" Target="http://localhost:5207/swagger/v1/swagger.json" TargetMode="External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GB" dirty="0"/>
              <a:t>ASP.NET Continu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737ACF-77CB-7B5C-9DBA-14E3A27CB0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52F3F0-60F2-B48D-C805-DEBECB7D00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A2ECFD-4A1D-3D49-A5B1-4426B69829FF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26" name="Picture 2" descr="Coding for Kids – 10 Reasons Why Children Should Learn It | Shaw Academy">
            <a:extLst>
              <a:ext uri="{FF2B5EF4-FFF2-40B4-BE49-F238E27FC236}">
                <a16:creationId xmlns:a16="http://schemas.microsoft.com/office/drawing/2014/main" id="{944B0FF4-80B9-1AB7-942B-B9702E901F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46140" y="1124744"/>
            <a:ext cx="8383861" cy="55892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27AFB66-BB0B-ADD4-2B15-4648481E2C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5820" y="1412776"/>
            <a:ext cx="5184576" cy="2520280"/>
          </a:xfrm>
          <a:solidFill>
            <a:srgbClr val="DDDDDD">
              <a:alpha val="69412"/>
            </a:srgbClr>
          </a:solidFill>
        </p:spPr>
        <p:txBody>
          <a:bodyPr/>
          <a:lstStyle/>
          <a:p>
            <a:r>
              <a:rPr lang="en-DK" sz="3600" dirty="0"/>
              <a:t>Continue on 4-7</a:t>
            </a:r>
            <a:endParaRPr lang="en-DK" sz="3600" b="1" dirty="0"/>
          </a:p>
          <a:p>
            <a:pPr>
              <a:buNone/>
            </a:pPr>
            <a:endParaRPr lang="en-DK" sz="3600" dirty="0"/>
          </a:p>
          <a:p>
            <a:pPr>
              <a:buNone/>
            </a:pPr>
            <a:r>
              <a:rPr lang="en-DK" sz="3600" dirty="0"/>
              <a:t>Then continue on the </a:t>
            </a:r>
            <a:r>
              <a:rPr lang="en-DK" sz="3600" b="1" dirty="0"/>
              <a:t>Bonus</a:t>
            </a:r>
            <a:r>
              <a:rPr lang="en-DK" sz="3600" dirty="0"/>
              <a:t> exercise</a:t>
            </a:r>
          </a:p>
        </p:txBody>
      </p:sp>
    </p:spTree>
    <p:extLst>
      <p:ext uri="{BB962C8B-B14F-4D97-AF65-F5344CB8AC3E}">
        <p14:creationId xmlns:p14="http://schemas.microsoft.com/office/powerpoint/2010/main" val="33143491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12A866-AB20-5CD6-12C5-94CF22C186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Minimal AP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D584AC1-F005-F907-D78F-E56ACA3491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ASP.NET WebAPI is a framework with lots and lots of features</a:t>
            </a:r>
          </a:p>
          <a:p>
            <a:pPr lvl="1"/>
            <a:r>
              <a:rPr lang="en-GB" dirty="0"/>
              <a:t>S</a:t>
            </a:r>
            <a:r>
              <a:rPr lang="en-DK" dirty="0"/>
              <a:t>ecurity, routing, middlewhere, etc etc etc.</a:t>
            </a:r>
          </a:p>
          <a:p>
            <a:pPr lvl="1"/>
            <a:r>
              <a:rPr lang="en-DK" i="1" dirty="0"/>
              <a:t>SW4BED – for all the details on database and server applications</a:t>
            </a:r>
          </a:p>
          <a:p>
            <a:pPr lvl="1"/>
            <a:endParaRPr lang="en-DK" dirty="0"/>
          </a:p>
          <a:p>
            <a:r>
              <a:rPr lang="en-DK" dirty="0"/>
              <a:t>Sometimes you need something a little simpler</a:t>
            </a:r>
          </a:p>
          <a:p>
            <a:pPr lvl="1"/>
            <a:r>
              <a:rPr lang="en-DK" dirty="0"/>
              <a:t>Minimal ASP.NET WebAPI is .NETs solution to thi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1E4F88D-78D3-947E-4873-12A17BE5F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1146D3-8EDA-F64A-B320-CD51B5E588FF}" type="datetime1">
              <a:rPr lang="en-GB" smtClean="0"/>
              <a:t>03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368218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6084AC-F533-8BA3-7ED9-822C2BFCB1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reating the project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6D7376D-407E-EBF4-B87C-5BE69413A54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72470" cy="4521366"/>
          </a:xfrm>
        </p:spPr>
        <p:txBody>
          <a:bodyPr/>
          <a:lstStyle/>
          <a:p>
            <a:r>
              <a:rPr lang="en-DK" dirty="0"/>
              <a:t>Create a project as normal but uncheck ‘Do not use top-level statements’.</a:t>
            </a:r>
          </a:p>
          <a:p>
            <a:endParaRPr lang="en-DK" dirty="0"/>
          </a:p>
          <a:p>
            <a:r>
              <a:rPr lang="en-DK" dirty="0"/>
              <a:t>This should create a project with only a Program.cs file.</a:t>
            </a:r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06878D-14CA-26E1-D30C-133AF0C391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6A351-44F2-B34E-A355-7B3351144D08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D91C067-388A-87FC-4AAD-2F2159F339D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62364" y="692696"/>
            <a:ext cx="6578476" cy="39716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132881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7CF0E7-1620-4681-E60B-EFF76DE48F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ello Worl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D238A6-D083-4FA1-7A77-D26B8575015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var</a:t>
            </a:r>
            <a:r>
              <a:rPr lang="en-GB" dirty="0"/>
              <a:t> builder = </a:t>
            </a:r>
            <a:r>
              <a:rPr lang="en-GB" dirty="0" err="1"/>
              <a:t>WebApplication.CreateBuilder</a:t>
            </a:r>
            <a:r>
              <a:rPr lang="en-GB" dirty="0"/>
              <a:t>(</a:t>
            </a:r>
            <a:r>
              <a:rPr lang="en-GB" dirty="0" err="1"/>
              <a:t>args</a:t>
            </a:r>
            <a:r>
              <a:rPr lang="en-GB" dirty="0"/>
              <a:t>);</a:t>
            </a:r>
          </a:p>
          <a:p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var</a:t>
            </a:r>
            <a:r>
              <a:rPr lang="en-GB" dirty="0"/>
              <a:t> app = </a:t>
            </a:r>
            <a:r>
              <a:rPr lang="en-GB" dirty="0" err="1"/>
              <a:t>builder.Build</a:t>
            </a:r>
            <a:r>
              <a:rPr lang="en-GB" dirty="0"/>
              <a:t>();</a:t>
            </a:r>
          </a:p>
          <a:p>
            <a:endParaRPr lang="en-GB" dirty="0"/>
          </a:p>
          <a:p>
            <a:r>
              <a:rPr lang="en-GB" dirty="0" err="1"/>
              <a:t>app.MapGet</a:t>
            </a:r>
            <a:r>
              <a:rPr lang="en-GB" dirty="0"/>
              <a:t>(</a:t>
            </a:r>
            <a:r>
              <a:rPr lang="en-GB" dirty="0">
                <a:solidFill>
                  <a:srgbClr val="92D050"/>
                </a:solidFill>
              </a:rPr>
              <a:t>"/"</a:t>
            </a:r>
            <a:r>
              <a:rPr lang="en-GB" dirty="0"/>
              <a:t>, () =&gt; </a:t>
            </a:r>
            <a:r>
              <a:rPr lang="en-GB" dirty="0">
                <a:solidFill>
                  <a:srgbClr val="92D050"/>
                </a:solidFill>
              </a:rPr>
              <a:t>"Hello World!"</a:t>
            </a:r>
            <a:r>
              <a:rPr lang="en-GB" dirty="0"/>
              <a:t>);</a:t>
            </a:r>
          </a:p>
          <a:p>
            <a:endParaRPr lang="en-GB" dirty="0"/>
          </a:p>
          <a:p>
            <a:r>
              <a:rPr lang="en-GB" dirty="0" err="1"/>
              <a:t>app.Run</a:t>
            </a:r>
            <a:r>
              <a:rPr lang="en-GB" dirty="0"/>
              <a:t>();</a:t>
            </a:r>
            <a:r>
              <a:rPr lang="en-DK" dirty="0"/>
              <a:t> </a:t>
            </a:r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DB21E9-6B92-24BF-9CCF-C00B5E67FA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07E929-9D16-C845-A5A7-28941E0D94D6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4813383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B0F5AC-F9CC-CD17-34CE-76002C8F98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Adding an database he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F102B7-6B52-574F-C477-44BA58E0025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For an InMemory database (one that don’t persists across restarts)</a:t>
            </a:r>
          </a:p>
          <a:p>
            <a:endParaRPr lang="en-DK" dirty="0"/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Add NuGET package ‘</a:t>
            </a:r>
            <a:r>
              <a:rPr lang="en-GB" dirty="0" err="1"/>
              <a:t>Microsoft.EntityFrameworkCore.InMemory</a:t>
            </a:r>
            <a:r>
              <a:rPr lang="en-DK" dirty="0"/>
              <a:t>’</a:t>
            </a:r>
          </a:p>
          <a:p>
            <a:pPr marL="457200" indent="-457200">
              <a:buFont typeface="+mj-lt"/>
              <a:buAutoNum type="arabicPeriod"/>
            </a:pPr>
            <a:endParaRPr lang="en-DK" dirty="0"/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Create a Context file (way to communicate with database)</a:t>
            </a:r>
            <a:br>
              <a:rPr lang="en-DK" dirty="0"/>
            </a:br>
            <a:endParaRPr lang="en-DK" dirty="0"/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Add this to your builder in Program.cs</a:t>
            </a:r>
            <a:br>
              <a:rPr lang="en-DK" dirty="0"/>
            </a:b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builder.Services.AddDbContext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&lt;Db&gt;(opt =&gt; </a:t>
            </a:r>
            <a:b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					</a:t>
            </a: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opt.UseInMemoryDatabase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dirty="0">
                <a:solidFill>
                  <a:srgbClr val="92D050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"Data"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));</a:t>
            </a:r>
            <a:b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builder.Services.AddDatabaseDeveloperPageExceptionFilter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>
                <a:cs typeface="Consolas" panose="020B0609020204030204" pitchFamily="49" charset="0"/>
              </a:rPr>
              <a:t>Use data in your endpoints</a:t>
            </a:r>
            <a:br>
              <a:rPr lang="en-GB" dirty="0">
                <a:cs typeface="Consolas" panose="020B0609020204030204" pitchFamily="49" charset="0"/>
              </a:rPr>
            </a:b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app.MapGet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dirty="0">
                <a:solidFill>
                  <a:srgbClr val="92D050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"/items"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, async (Db </a:t>
            </a: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db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) =&gt; </a:t>
            </a:r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db.Todos.ToListAsync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());</a:t>
            </a:r>
            <a:endParaRPr lang="en-DK" dirty="0"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13E508-D25D-174F-E425-A1DDFD15B4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503BAE-1CD2-C444-80FA-355190E5DAD3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222916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F1D24C-30EB-8E54-C8F6-60A26D3BDB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ontext file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C217CD-D0E7-8E7C-1DAA-F757AABEDC2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// </a:t>
            </a:r>
            <a:r>
              <a:rPr lang="en-DK" dirty="0">
                <a:solidFill>
                  <a:srgbClr val="00B050"/>
                </a:solidFill>
              </a:rPr>
              <a:t>DB.cs</a:t>
            </a:r>
          </a:p>
          <a:p>
            <a:endParaRPr lang="en-DK" dirty="0"/>
          </a:p>
          <a:p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using</a:t>
            </a:r>
            <a:r>
              <a:rPr lang="en-GB" dirty="0"/>
              <a:t> </a:t>
            </a:r>
            <a:r>
              <a:rPr lang="en-GB" dirty="0" err="1"/>
              <a:t>Microsoft.EntityFrameworkCore</a:t>
            </a:r>
            <a:r>
              <a:rPr lang="en-GB" dirty="0"/>
              <a:t>;</a:t>
            </a:r>
          </a:p>
          <a:p>
            <a:endParaRPr lang="en-GB" dirty="0"/>
          </a:p>
          <a:p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class</a:t>
            </a:r>
            <a:r>
              <a:rPr lang="en-GB" dirty="0"/>
              <a:t> Db : </a:t>
            </a:r>
            <a:r>
              <a:rPr lang="en-GB" dirty="0" err="1"/>
              <a:t>DbContext</a:t>
            </a:r>
            <a:endParaRPr lang="en-GB" dirty="0"/>
          </a:p>
          <a:p>
            <a:r>
              <a:rPr lang="en-GB" dirty="0"/>
              <a:t>{</a:t>
            </a:r>
          </a:p>
          <a:p>
            <a:r>
              <a:rPr lang="en-GB" dirty="0"/>
              <a:t>    </a:t>
            </a:r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public</a:t>
            </a:r>
            <a:r>
              <a:rPr lang="en-GB" dirty="0"/>
              <a:t> </a:t>
            </a:r>
            <a:r>
              <a:rPr lang="en-GB" dirty="0" err="1"/>
              <a:t>TodoDb</a:t>
            </a:r>
            <a:r>
              <a:rPr lang="en-GB" dirty="0"/>
              <a:t>(</a:t>
            </a:r>
            <a:r>
              <a:rPr lang="en-GB" dirty="0" err="1"/>
              <a:t>DbContextOptions</a:t>
            </a:r>
            <a:r>
              <a:rPr lang="en-GB" dirty="0"/>
              <a:t>&lt;Db&gt; options)</a:t>
            </a:r>
          </a:p>
          <a:p>
            <a:r>
              <a:rPr lang="en-GB" dirty="0"/>
              <a:t>        : </a:t>
            </a:r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base</a:t>
            </a:r>
            <a:r>
              <a:rPr lang="en-GB" dirty="0"/>
              <a:t>(options) { }</a:t>
            </a:r>
          </a:p>
          <a:p>
            <a:endParaRPr lang="en-GB" dirty="0"/>
          </a:p>
          <a:p>
            <a:r>
              <a:rPr lang="en-GB" dirty="0"/>
              <a:t>    </a:t>
            </a:r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public</a:t>
            </a:r>
            <a:r>
              <a:rPr lang="en-GB" dirty="0"/>
              <a:t> </a:t>
            </a:r>
            <a:r>
              <a:rPr lang="en-GB" dirty="0" err="1"/>
              <a:t>DbSet</a:t>
            </a:r>
            <a:r>
              <a:rPr lang="en-GB" dirty="0"/>
              <a:t>&lt;Data&gt; Data =&gt; Set&lt;Data&gt;();</a:t>
            </a:r>
          </a:p>
          <a:p>
            <a:r>
              <a:rPr lang="en-GB" dirty="0"/>
              <a:t>}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37575C-4F05-624C-466D-50C9DF2E0B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D2C60E-3033-E548-A4C0-6A89BC3245FC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4273701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52E23F-F33F-8273-A192-9552AB46C9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TTP Verbs in minima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CADCEC8-FDB0-5266-29FF-DB92336ACAA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  <a:br>
              <a:rPr lang="en-DK" dirty="0"/>
            </a:br>
            <a:r>
              <a:rPr lang="en-GB" dirty="0" err="1"/>
              <a:t>app.MapGet</a:t>
            </a:r>
            <a:r>
              <a:rPr lang="en-GB" dirty="0"/>
              <a:t>(…)</a:t>
            </a: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  <a:br>
              <a:rPr lang="en-DK" dirty="0"/>
            </a:br>
            <a:r>
              <a:rPr lang="en-GB" dirty="0" err="1"/>
              <a:t>app.MapPost</a:t>
            </a:r>
            <a:r>
              <a:rPr lang="en-GB" dirty="0"/>
              <a:t>(…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PUT</a:t>
            </a:r>
            <a:br>
              <a:rPr lang="en-GB" dirty="0"/>
            </a:br>
            <a:r>
              <a:rPr lang="en-GB" dirty="0" err="1"/>
              <a:t>app.MapPut</a:t>
            </a:r>
            <a:r>
              <a:rPr lang="en-GB" dirty="0"/>
              <a:t>(…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ELETE</a:t>
            </a:r>
            <a:br>
              <a:rPr lang="en-GB" dirty="0"/>
            </a:br>
            <a:r>
              <a:rPr lang="en-GB" dirty="0" err="1"/>
              <a:t>app.MapDelete</a:t>
            </a:r>
            <a:r>
              <a:rPr lang="en-GB" dirty="0"/>
              <a:t>(…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Note routes needs to be unique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BBD9AF-59E6-F719-0CED-E871CE8648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E8DC6A-6AE1-8845-A6AD-3286BF6EE7BF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562046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60E620-4C8E-0AEE-5C1D-9AA123A457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SWAGGEr / Open AP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835149-5A7C-FD28-166C-C58BD0C5E9A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DK" dirty="0"/>
              <a:t>Swagger can also be added in a Minimal API</a:t>
            </a:r>
            <a:br>
              <a:rPr lang="en-DK" dirty="0"/>
            </a:br>
            <a:r>
              <a:rPr lang="en-DK" dirty="0"/>
              <a:t> </a:t>
            </a:r>
            <a:br>
              <a:rPr lang="en-DK" dirty="0"/>
            </a:br>
            <a:r>
              <a:rPr lang="en-GB" dirty="0">
                <a:solidFill>
                  <a:srgbClr val="0F54D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f </a:t>
            </a: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dirty="0" err="1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pp.</a:t>
            </a:r>
            <a:r>
              <a:rPr lang="en-GB" dirty="0" err="1">
                <a:solidFill>
                  <a:srgbClr val="0093A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Environment</a:t>
            </a:r>
            <a:r>
              <a:rPr lang="en-GB" dirty="0" err="1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.</a:t>
            </a:r>
            <a:r>
              <a:rPr lang="en-GB" dirty="0" err="1">
                <a:solidFill>
                  <a:srgbClr val="00855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sDevelopment</a:t>
            </a: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)</a:t>
            </a:r>
            <a:b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{</a:t>
            </a:r>
            <a:b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dirty="0" err="1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pp.</a:t>
            </a:r>
            <a:r>
              <a:rPr lang="en-GB" dirty="0" err="1">
                <a:solidFill>
                  <a:srgbClr val="00855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UseSwagger</a:t>
            </a: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  <a:b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dirty="0" err="1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pp.</a:t>
            </a:r>
            <a:r>
              <a:rPr lang="en-GB" dirty="0" err="1">
                <a:solidFill>
                  <a:srgbClr val="00855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UseSwaggerUI</a:t>
            </a: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  <a:b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</a:t>
            </a:r>
            <a:endParaRPr lang="en-GB" dirty="0">
              <a:solidFill>
                <a:srgbClr val="20202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endParaRPr lang="en-DK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C3B666A-BBC7-51E1-15B0-3D56F5AA56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2DA6E1-2AAB-1742-A383-13D4450BED7D}" type="datetime1">
              <a:rPr lang="en-GB" smtClean="0"/>
              <a:t>03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74241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FFA50C-FF4C-059B-A8F2-16E2E891C7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SWAGGER U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1BF966-795A-0996-A553-05BDA0CA163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Builds on top of Open API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Specification off an HTTP Web API. </a:t>
            </a:r>
          </a:p>
          <a:p>
            <a:pPr marL="774900" lvl="1" indent="-342900"/>
            <a:r>
              <a:rPr lang="en-DK" dirty="0"/>
              <a:t>All open endpoints</a:t>
            </a:r>
          </a:p>
          <a:p>
            <a:pPr lvl="1" indent="0">
              <a:buNone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Described in a Json fil</a:t>
            </a:r>
          </a:p>
          <a:p>
            <a:pPr marL="774900" lvl="1" indent="-342900"/>
            <a:r>
              <a:rPr lang="en-GB" dirty="0">
                <a:hlinkClick r:id="rId2"/>
              </a:rPr>
              <a:t>http://localhost:5207/swagger/v1/swagger.json</a:t>
            </a:r>
            <a:endParaRPr lang="en-GB" dirty="0"/>
          </a:p>
          <a:p>
            <a:pPr marL="774900" lvl="1" indent="-342900"/>
            <a:r>
              <a:rPr lang="en-GB" dirty="0"/>
              <a:t>Contains endpoints, input, output</a:t>
            </a:r>
            <a:r>
              <a:rPr lang="en-DK" dirty="0"/>
              <a:t>, and return cod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8FF916B-39FB-2957-1F8E-EB47EC382D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7BA2F1-D907-9742-8DE4-95C899EE8681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DD73964-521B-9B84-7861-9D970B8B988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62364" y="404664"/>
            <a:ext cx="6096677" cy="3306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873094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737ACF-77CB-7B5C-9DBA-14E3A27CB0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52F3F0-60F2-B48D-C805-DEBECB7D00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A2ECFD-4A1D-3D49-A5B1-4426B69829FF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26" name="Picture 2" descr="Coding for Kids – 10 Reasons Why Children Should Learn It | Shaw Academy">
            <a:extLst>
              <a:ext uri="{FF2B5EF4-FFF2-40B4-BE49-F238E27FC236}">
                <a16:creationId xmlns:a16="http://schemas.microsoft.com/office/drawing/2014/main" id="{944B0FF4-80B9-1AB7-942B-B9702E901F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46140" y="1124744"/>
            <a:ext cx="8383861" cy="55892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27AFB66-BB0B-ADD4-2B15-4648481E2C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5820" y="1412776"/>
            <a:ext cx="5184576" cy="2520280"/>
          </a:xfrm>
          <a:solidFill>
            <a:srgbClr val="DDDDDD">
              <a:alpha val="69412"/>
            </a:srgbClr>
          </a:solidFill>
        </p:spPr>
        <p:txBody>
          <a:bodyPr/>
          <a:lstStyle/>
          <a:p>
            <a:r>
              <a:rPr lang="en-DK" sz="3600" dirty="0"/>
              <a:t>Continue on 8-</a:t>
            </a:r>
            <a:endParaRPr lang="en-DK" sz="3600" b="1" dirty="0"/>
          </a:p>
          <a:p>
            <a:pPr>
              <a:buNone/>
            </a:pPr>
            <a:endParaRPr lang="en-DK" sz="3600" dirty="0"/>
          </a:p>
          <a:p>
            <a:pPr>
              <a:buNone/>
            </a:pPr>
            <a:r>
              <a:rPr lang="en-DK" sz="3600" dirty="0"/>
              <a:t>Then continue on the </a:t>
            </a:r>
            <a:r>
              <a:rPr lang="en-DK" sz="3600" b="1" dirty="0"/>
              <a:t>Bonus</a:t>
            </a:r>
            <a:r>
              <a:rPr lang="en-DK" sz="3600" dirty="0"/>
              <a:t> exercise</a:t>
            </a:r>
          </a:p>
        </p:txBody>
      </p:sp>
    </p:spTree>
    <p:extLst>
      <p:ext uri="{BB962C8B-B14F-4D97-AF65-F5344CB8AC3E}">
        <p14:creationId xmlns:p14="http://schemas.microsoft.com/office/powerpoint/2010/main" val="373216289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Rout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 err="1"/>
              <a:t>HTTPClient</a:t>
            </a: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Minimal API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Swagger / Open API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593EE7-1181-3C7D-5872-5FB190185E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out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03DD30-2E3A-EFF6-3175-DED3B41E32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When building APIs use attribute routing.</a:t>
            </a:r>
          </a:p>
          <a:p>
            <a:pPr lvl="1"/>
            <a:r>
              <a:rPr lang="en-DK" dirty="0"/>
              <a:t>Setup with app.MapControllers()</a:t>
            </a:r>
          </a:p>
          <a:p>
            <a:pPr lvl="1"/>
            <a:endParaRPr lang="en-DK" dirty="0"/>
          </a:p>
          <a:p>
            <a:pPr lvl="1"/>
            <a:r>
              <a:rPr lang="en-DK" dirty="0"/>
              <a:t>This maps controllers and routes with default settings</a:t>
            </a:r>
          </a:p>
          <a:p>
            <a:pPr lvl="2"/>
            <a:r>
              <a:rPr lang="en-DK" dirty="0"/>
              <a:t>E.g. for WeatherForecastController -&gt; 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{controller=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WeatherForecas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/{action=Index}/{id?}</a:t>
            </a:r>
          </a:p>
          <a:p>
            <a:pPr lvl="1"/>
            <a:r>
              <a:rPr lang="en-GB" dirty="0">
                <a:solidFill>
                  <a:srgbClr val="161616"/>
                </a:solidFill>
                <a:latin typeface="SFMono-Regular"/>
              </a:rPr>
              <a:t>Customize routing with [Route]</a:t>
            </a:r>
          </a:p>
          <a:p>
            <a:pPr lvl="2"/>
            <a:r>
              <a:rPr lang="en-GB" dirty="0">
                <a:solidFill>
                  <a:srgbClr val="161616"/>
                </a:solidFill>
                <a:latin typeface="SFMono-Regular"/>
              </a:rPr>
              <a:t>On Controller e.g. 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Route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pi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/[controller]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  <a:endParaRPr lang="en-GB" dirty="0">
              <a:solidFill>
                <a:srgbClr val="161616"/>
              </a:solidFill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 lvl="2"/>
            <a:r>
              <a:rPr lang="en-GB" dirty="0">
                <a:solidFill>
                  <a:srgbClr val="161616"/>
                </a:solidFill>
                <a:latin typeface="SFMono-Regular"/>
              </a:rPr>
              <a:t>Or 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Route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pi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/weather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</a:p>
          <a:p>
            <a:pPr lvl="1"/>
            <a:r>
              <a:rPr lang="en-GB" dirty="0">
                <a:solidFill>
                  <a:srgbClr val="161616"/>
                </a:solidFill>
                <a:latin typeface="SFMono-Regular"/>
              </a:rPr>
              <a:t>On Endpoints</a:t>
            </a:r>
          </a:p>
          <a:p>
            <a:pPr lvl="2"/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Pos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delete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</a:p>
          <a:p>
            <a:pPr lvl="2"/>
            <a:r>
              <a:rPr lang="en-GB" dirty="0">
                <a:solidFill>
                  <a:srgbClr val="161616"/>
                </a:solidFill>
                <a:latin typeface="SFMono-Regular"/>
              </a:rPr>
              <a:t>Or 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Route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delete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</a:p>
          <a:p>
            <a:pPr lvl="2"/>
            <a:r>
              <a:rPr lang="en-GB" dirty="0">
                <a:solidFill>
                  <a:srgbClr val="161616"/>
                </a:solidFill>
                <a:latin typeface="SFMono-Regular"/>
              </a:rPr>
              <a:t>These will be appended on the route</a:t>
            </a:r>
          </a:p>
          <a:p>
            <a:pPr lvl="2"/>
            <a:endParaRPr lang="en-GB" dirty="0">
              <a:solidFill>
                <a:srgbClr val="161616"/>
              </a:solidFill>
              <a:latin typeface="SFMono-Regular"/>
            </a:endParaRPr>
          </a:p>
          <a:p>
            <a:pPr lvl="2"/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77B8B26-435C-5D53-1379-24DC353DE1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073D08-AD82-8543-B3A6-1D503B81D48F}" type="datetime1">
              <a:rPr lang="en-GB" smtClean="0"/>
              <a:t>03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905591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030B26-E35C-DDCE-9B6C-55F6144265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Parameter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A0586FB-5DC5-8860-0242-B5158647363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We have already seen some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Ge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{name}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Name = 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GetWeatherForecast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ctionResul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lt;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WeatherForecas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GetSingle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string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name) {</a:t>
            </a:r>
          </a:p>
          <a:p>
            <a:pPr lvl="1"/>
            <a:r>
              <a:rPr lang="en-DK" dirty="0"/>
              <a:t>The above one will add name to URL</a:t>
            </a:r>
          </a:p>
          <a:p>
            <a:pPr lvl="1"/>
            <a:r>
              <a:rPr lang="en-DK" dirty="0"/>
              <a:t>Could also be added as URL paramter (without {name})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Ge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withName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Name = 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GetWeatherForecast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ctionResul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lt;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WeatherForecas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GetSingle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string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name) {</a:t>
            </a:r>
          </a:p>
          <a:p>
            <a:pPr lvl="1"/>
            <a:r>
              <a:rPr lang="en-DK" dirty="0">
                <a:cs typeface="Consolas" panose="020B0609020204030204" pitchFamily="49" charset="0"/>
              </a:rPr>
              <a:t>This is called with ?name=yourGivenName</a:t>
            </a:r>
          </a:p>
          <a:p>
            <a:pPr lvl="1"/>
            <a:endParaRPr lang="en-DK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616DE0-9D35-9A61-2BAE-247D48BE05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0FF60-A314-1649-A14F-64BE5F039D09}" type="datetime1">
              <a:rPr lang="en-GB" smtClean="0"/>
              <a:t>06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805169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737ACF-77CB-7B5C-9DBA-14E3A27CB0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52F3F0-60F2-B48D-C805-DEBECB7D00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A2ECFD-4A1D-3D49-A5B1-4426B69829FF}" type="datetime1">
              <a:rPr lang="en-GB" smtClean="0"/>
              <a:t>06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26" name="Picture 2" descr="Coding for Kids – 10 Reasons Why Children Should Learn It | Shaw Academy">
            <a:extLst>
              <a:ext uri="{FF2B5EF4-FFF2-40B4-BE49-F238E27FC236}">
                <a16:creationId xmlns:a16="http://schemas.microsoft.com/office/drawing/2014/main" id="{944B0FF4-80B9-1AB7-942B-B9702E901F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46140" y="1124744"/>
            <a:ext cx="8383861" cy="55892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27AFB66-BB0B-ADD4-2B15-4648481E2C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5820" y="1412776"/>
            <a:ext cx="5184576" cy="2520280"/>
          </a:xfrm>
          <a:solidFill>
            <a:srgbClr val="DDDDDD">
              <a:alpha val="69412"/>
            </a:srgbClr>
          </a:solidFill>
        </p:spPr>
        <p:txBody>
          <a:bodyPr/>
          <a:lstStyle/>
          <a:p>
            <a:r>
              <a:rPr lang="en-DK" sz="3600" dirty="0"/>
              <a:t>Start working on </a:t>
            </a:r>
            <a:r>
              <a:rPr lang="en-DK" sz="3600" b="1" dirty="0"/>
              <a:t>1-3</a:t>
            </a:r>
          </a:p>
          <a:p>
            <a:pPr>
              <a:buNone/>
            </a:pPr>
            <a:endParaRPr lang="en-DK" sz="3600" dirty="0"/>
          </a:p>
          <a:p>
            <a:pPr>
              <a:buNone/>
            </a:pPr>
            <a:r>
              <a:rPr lang="en-DK" sz="3600" dirty="0"/>
              <a:t>Then continue on the </a:t>
            </a:r>
            <a:r>
              <a:rPr lang="en-DK" sz="3600" b="1" dirty="0"/>
              <a:t>Bonus</a:t>
            </a:r>
            <a:r>
              <a:rPr lang="en-DK" sz="3600" dirty="0"/>
              <a:t> exercise</a:t>
            </a:r>
          </a:p>
        </p:txBody>
      </p:sp>
    </p:spTree>
    <p:extLst>
      <p:ext uri="{BB962C8B-B14F-4D97-AF65-F5344CB8AC3E}">
        <p14:creationId xmlns:p14="http://schemas.microsoft.com/office/powerpoint/2010/main" val="223691073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F75FBD-5D36-2A47-50C8-9B3292D0CD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TTPCli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43C7E34-B60B-31AC-2661-E5DBE9F9F08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This class is used to access an HTTP endpoint from an application.</a:t>
            </a:r>
          </a:p>
          <a:p>
            <a:endParaRPr lang="en-DK" dirty="0"/>
          </a:p>
          <a:p>
            <a:pPr lvl="1"/>
            <a:r>
              <a:rPr lang="en-DK" dirty="0"/>
              <a:t>Can be create with or without BaseAdddress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rivate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</a:t>
            </a: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 marL="576000" lvl="2" indent="0">
              <a:buNone/>
            </a:pPr>
            <a:r>
              <a:rPr lang="en-GB" dirty="0">
                <a:solidFill>
                  <a:srgbClr val="000000"/>
                </a:solidFill>
                <a:cs typeface="Consolas" panose="020B0609020204030204" pitchFamily="49" charset="0"/>
              </a:rPr>
              <a:t>Or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rivate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httpClient2 = </a:t>
            </a: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 {</a:t>
            </a:r>
          </a:p>
          <a:p>
            <a:pPr marL="972000" lvl="3" indent="0">
              <a:buNone/>
            </a:pP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BaseAddress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</a:t>
            </a: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Uri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https://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placeholder.typicode.com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;</a:t>
            </a:r>
          </a:p>
          <a:p>
            <a:pPr marL="576000" lvl="2" indent="0">
              <a:buNone/>
            </a:pPr>
            <a:endParaRPr lang="en-GB" b="0" dirty="0">
              <a:solidFill>
                <a:srgbClr val="00000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 lvl="1"/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156D99-5A72-ADF9-9822-887367B910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7FE43-0BAD-6641-A032-0FCC41402761}" type="datetime1">
              <a:rPr lang="en-GB" smtClean="0"/>
              <a:t>03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52002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44980B-2548-5435-5A8A-BB3A713EA9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What is HTTPCli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CA09A9-B306-48E6-32A9-EC2C71D7EC4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neral purpose class for accessing HTTP endpoin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andles Json automatically, but also methods for</a:t>
            </a:r>
          </a:p>
          <a:p>
            <a:pPr marL="774900" lvl="1" indent="-342900"/>
            <a:r>
              <a:rPr lang="en-GB" dirty="0"/>
              <a:t>B</a:t>
            </a:r>
            <a:r>
              <a:rPr lang="en-DK" dirty="0"/>
              <a:t>yte[], Stream, String</a:t>
            </a:r>
          </a:p>
          <a:p>
            <a:pPr marL="774900" lvl="1" indent="-342900"/>
            <a:r>
              <a:rPr lang="en-GB" dirty="0"/>
              <a:t>N</a:t>
            </a:r>
            <a:r>
              <a:rPr lang="en-DK" dirty="0"/>
              <a:t>ote: Json methods are all extensions methods</a:t>
            </a:r>
          </a:p>
          <a:p>
            <a:pPr marL="774900" lvl="1" indent="-342900"/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Methods for all HTTP verbs (GET, POST, PUT, PATCH, DELETE)</a:t>
            </a:r>
          </a:p>
          <a:p>
            <a:pPr marL="774900" lvl="1" indent="-342900"/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6FCC4F3-2A64-CB57-45BD-63769ADA48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DF4E2D-7701-1D41-BCCB-695B8C2714CA}" type="datetime1">
              <a:rPr lang="en-GB" smtClean="0"/>
              <a:t>06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822386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39C3A5-9294-A250-7588-778507AA94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TTP Verb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9034A1-C262-8E94-2D8F-CCD7B4619CB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</a:p>
          <a:p>
            <a:pPr marL="774900" lvl="1" indent="-342900"/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.GetStringAsync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b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				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https://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placeholder.typicode.com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/posts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;</a:t>
            </a:r>
          </a:p>
          <a:p>
            <a:pPr marL="774900" lvl="1" indent="-342900"/>
            <a:r>
              <a:rPr lang="en-GB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await</a:t>
            </a:r>
            <a:r>
              <a:rPr lang="en-GB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httpClient2.GetStringAsync(</a:t>
            </a:r>
            <a:r>
              <a:rPr lang="en-GB" b="0" dirty="0">
                <a:solidFill>
                  <a:srgbClr val="A31515"/>
                </a:solidFill>
                <a:effectLst/>
                <a:latin typeface="Menlo" panose="020B0609030804020204" pitchFamily="49" charset="0"/>
              </a:rPr>
              <a:t>"posts"</a:t>
            </a:r>
            <a:r>
              <a:rPr lang="en-GB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;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</a:p>
          <a:p>
            <a:pPr marL="774900" lvl="1" indent="-342900"/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stringConten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Conten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</a:t>
            </a: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Serializer.Serialize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b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{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userId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77, id = 1, title = 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write code sample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</a:t>
            </a:r>
            <a:b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      completed = </a:t>
            </a:r>
            <a:r>
              <a:rPr lang="en-GB" b="0" i="0" dirty="0">
                <a:solidFill>
                  <a:srgbClr val="07704A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false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}</a:t>
            </a:r>
            <a:b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, Encoding.UTF8, 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application/</a:t>
            </a:r>
            <a:r>
              <a:rPr lang="en-GB" b="0" i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b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httpClient2.PostAsync(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s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Content</a:t>
            </a:r>
            <a:r>
              <a:rPr lang="en-GB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b="0" i="0" dirty="0">
                <a:effectLst/>
                <a:cs typeface="Consolas" panose="020B0609020204030204" pitchFamily="49" charset="0"/>
              </a:rPr>
              <a:t>PUT</a:t>
            </a:r>
          </a:p>
          <a:p>
            <a:pPr marL="774900" lvl="1" indent="-342900"/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httpClient2.PutAsync(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s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/1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Conten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endParaRPr lang="en-DK" dirty="0"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D2D3900-A643-8722-1F52-4C4221CB5F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3EFD3-5E0C-A945-9343-014FD6D9402F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673230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6F4345-C379-5ABE-40EA-C5100B6421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Working WITH JS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1F8C752-CD46-3B85-5040-E9B99575243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All these methods are from the extension method namespace</a:t>
            </a:r>
          </a:p>
          <a:p>
            <a:pPr marL="774900" lvl="1" indent="-342900"/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u</a:t>
            </a:r>
            <a:r>
              <a:rPr lang="en-DK" dirty="0">
                <a:latin typeface="Consolas" panose="020B0609020204030204" pitchFamily="49" charset="0"/>
                <a:cs typeface="Consolas" panose="020B0609020204030204" pitchFamily="49" charset="0"/>
              </a:rPr>
              <a:t>sing System.Net.Http.Js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Reading</a:t>
            </a:r>
          </a:p>
          <a:p>
            <a:pPr marL="774900" lvl="1" indent="-342900"/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httpClient2.GetFromJsonAsync&lt;List&lt;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&gt;(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s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endParaRPr lang="en-DK" dirty="0"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Writing</a:t>
            </a:r>
          </a:p>
          <a:p>
            <a:pPr marL="774900" lvl="1" indent="-342900"/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httpClient2.PostAsJsonAsync(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s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</a:t>
            </a:r>
            <a:b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		</a:t>
            </a: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{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UserId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: 9, Id: 99, Title: 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Show extensions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Completed: </a:t>
            </a:r>
            <a:r>
              <a:rPr lang="en-GB" b="0" i="0" dirty="0">
                <a:solidFill>
                  <a:srgbClr val="07704A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false</a:t>
            </a:r>
            <a:r>
              <a:rPr lang="en-GB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}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;</a:t>
            </a:r>
            <a:endParaRPr lang="en-DK" dirty="0"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01D104-ED29-5F3D-7731-5BE419B6B4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B8DEED-E336-3B45-877A-4421910A0A16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5196861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74</Words>
  <Application>Microsoft Macintosh PowerPoint</Application>
  <PresentationFormat>Custom</PresentationFormat>
  <Paragraphs>151</Paragraphs>
  <Slides>20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31" baseType="lpstr">
      <vt:lpstr>Consolas</vt:lpstr>
      <vt:lpstr>AU Passata</vt:lpstr>
      <vt:lpstr>Calibri</vt:lpstr>
      <vt:lpstr>Georgia</vt:lpstr>
      <vt:lpstr>Wingdings 3</vt:lpstr>
      <vt:lpstr>AU Passata Light</vt:lpstr>
      <vt:lpstr>SFMono-Regular</vt:lpstr>
      <vt:lpstr>Arial</vt:lpstr>
      <vt:lpstr>AU Peto</vt:lpstr>
      <vt:lpstr>Menlo</vt:lpstr>
      <vt:lpstr>AU 16:9</vt:lpstr>
      <vt:lpstr>ASP.NET Continued</vt:lpstr>
      <vt:lpstr>Agenda</vt:lpstr>
      <vt:lpstr>Routing</vt:lpstr>
      <vt:lpstr>Parameters</vt:lpstr>
      <vt:lpstr>Exercises</vt:lpstr>
      <vt:lpstr>HTTPClient</vt:lpstr>
      <vt:lpstr>What is HTTPClient</vt:lpstr>
      <vt:lpstr>HTTP VerbS</vt:lpstr>
      <vt:lpstr>Working WITH JSON</vt:lpstr>
      <vt:lpstr>Exercises</vt:lpstr>
      <vt:lpstr>Minimal API</vt:lpstr>
      <vt:lpstr>Creating the project </vt:lpstr>
      <vt:lpstr>Hello World</vt:lpstr>
      <vt:lpstr>Adding an database here</vt:lpstr>
      <vt:lpstr>Context file </vt:lpstr>
      <vt:lpstr>HTTP Verbs in minimal</vt:lpstr>
      <vt:lpstr>SWAGGEr / Open API</vt:lpstr>
      <vt:lpstr>SWAGGER UI</vt:lpstr>
      <vt:lpstr>Exercise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8T20:28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5187080212208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43</vt:lpwstr>
  </property>
  <property fmtid="{D5CDD505-2E9C-101B-9397-08002B2CF9AE}" pid="62" name="colorthemechange">
    <vt:lpwstr>True</vt:lpwstr>
  </property>
</Properties>
</file>